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>
        <p:scale>
          <a:sx n="140" d="100"/>
          <a:sy n="140" d="100"/>
        </p:scale>
        <p:origin x="1344" y="144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9/20/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284713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379252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21" name="Table 20">
            <a:extLst>
              <a:ext uri="{FF2B5EF4-FFF2-40B4-BE49-F238E27FC236}">
                <a16:creationId xmlns:a16="http://schemas.microsoft.com/office/drawing/2014/main" id="{A7E59121-D814-0B4E-FF2D-D01D52294EB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62313946"/>
              </p:ext>
            </p:extLst>
          </p:nvPr>
        </p:nvGraphicFramePr>
        <p:xfrm>
          <a:off x="5344319" y="5531601"/>
          <a:ext cx="4709239" cy="1153163"/>
        </p:xfrm>
        <a:graphic>
          <a:graphicData uri="http://schemas.openxmlformats.org/drawingml/2006/table">
            <a:tbl>
              <a:tblPr/>
              <a:tblGrid>
                <a:gridCol w="342635">
                  <a:extLst>
                    <a:ext uri="{9D8B030D-6E8A-4147-A177-3AD203B41FA5}">
                      <a16:colId xmlns:a16="http://schemas.microsoft.com/office/drawing/2014/main" val="1200525360"/>
                    </a:ext>
                  </a:extLst>
                </a:gridCol>
                <a:gridCol w="329354">
                  <a:extLst>
                    <a:ext uri="{9D8B030D-6E8A-4147-A177-3AD203B41FA5}">
                      <a16:colId xmlns:a16="http://schemas.microsoft.com/office/drawing/2014/main" val="614144449"/>
                    </a:ext>
                  </a:extLst>
                </a:gridCol>
                <a:gridCol w="807450">
                  <a:extLst>
                    <a:ext uri="{9D8B030D-6E8A-4147-A177-3AD203B41FA5}">
                      <a16:colId xmlns:a16="http://schemas.microsoft.com/office/drawing/2014/main" val="3420612512"/>
                    </a:ext>
                  </a:extLst>
                </a:gridCol>
                <a:gridCol w="807450">
                  <a:extLst>
                    <a:ext uri="{9D8B030D-6E8A-4147-A177-3AD203B41FA5}">
                      <a16:colId xmlns:a16="http://schemas.microsoft.com/office/drawing/2014/main" val="4173493764"/>
                    </a:ext>
                  </a:extLst>
                </a:gridCol>
                <a:gridCol w="807450">
                  <a:extLst>
                    <a:ext uri="{9D8B030D-6E8A-4147-A177-3AD203B41FA5}">
                      <a16:colId xmlns:a16="http://schemas.microsoft.com/office/drawing/2014/main" val="2816987889"/>
                    </a:ext>
                  </a:extLst>
                </a:gridCol>
                <a:gridCol w="807450">
                  <a:extLst>
                    <a:ext uri="{9D8B030D-6E8A-4147-A177-3AD203B41FA5}">
                      <a16:colId xmlns:a16="http://schemas.microsoft.com/office/drawing/2014/main" val="4045199955"/>
                    </a:ext>
                  </a:extLst>
                </a:gridCol>
                <a:gridCol w="807450">
                  <a:extLst>
                    <a:ext uri="{9D8B030D-6E8A-4147-A177-3AD203B41FA5}">
                      <a16:colId xmlns:a16="http://schemas.microsoft.com/office/drawing/2014/main" val="534750793"/>
                    </a:ext>
                  </a:extLst>
                </a:gridCol>
              </a:tblGrid>
              <a:tr h="200873">
                <a:tc>
                  <a:txBody>
                    <a:bodyPr/>
                    <a:lstStyle/>
                    <a:p>
                      <a:pPr algn="l" rtl="0" fontAlgn="ctr"/>
                      <a:endParaRPr lang="en-NZ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endParaRPr lang="en-NZ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NZ" sz="10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erpetuity Growth Rate (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961131810"/>
                  </a:ext>
                </a:extLst>
              </a:tr>
              <a:tr h="158715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NZ" sz="10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WACC (%)</a:t>
                      </a:r>
                    </a:p>
                  </a:txBody>
                  <a:tcPr marL="0" marR="0" marT="0" marB="0" vert="vert27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endParaRPr lang="en-NZ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0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2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0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76521181"/>
                  </a:ext>
                </a:extLst>
              </a:tr>
              <a:tr h="158715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8 / 404c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05 / 41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23 / 42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3 / 43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64 / 44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551848"/>
                  </a:ext>
                </a:extLst>
              </a:tr>
              <a:tr h="158715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30 / 374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44 / 38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9 / 38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75 / 397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3 / 406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9021301"/>
                  </a:ext>
                </a:extLst>
              </a:tr>
              <a:tr h="158715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8 / 348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90 / 355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03 / 36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7 / 368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31 / 375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4067358"/>
                  </a:ext>
                </a:extLst>
              </a:tr>
              <a:tr h="158715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2 / 325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43 / 33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54 / 336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65 / 34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8 / 348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841785385"/>
                  </a:ext>
                </a:extLst>
              </a:tr>
              <a:tr h="158715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91 / 305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0 / 30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0 / 314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20 / 31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0 / 324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54826936"/>
                  </a:ext>
                </a:extLst>
              </a:tr>
            </a:tbl>
          </a:graphicData>
        </a:graphic>
      </p:graphicFrame>
      <p:graphicFrame>
        <p:nvGraphicFramePr>
          <p:cNvPr id="24" name="Table 23">
            <a:extLst>
              <a:ext uri="{FF2B5EF4-FFF2-40B4-BE49-F238E27FC236}">
                <a16:creationId xmlns:a16="http://schemas.microsoft.com/office/drawing/2014/main" id="{7C6298DE-8F00-1412-5315-35DA6A7DC76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802035403"/>
              </p:ext>
            </p:extLst>
          </p:nvPr>
        </p:nvGraphicFramePr>
        <p:xfrm>
          <a:off x="795528" y="5562969"/>
          <a:ext cx="3999992" cy="1220375"/>
        </p:xfrm>
        <a:graphic>
          <a:graphicData uri="http://schemas.openxmlformats.org/drawingml/2006/table">
            <a:tbl>
              <a:tblPr/>
              <a:tblGrid>
                <a:gridCol w="1396352">
                  <a:extLst>
                    <a:ext uri="{9D8B030D-6E8A-4147-A177-3AD203B41FA5}">
                      <a16:colId xmlns:a16="http://schemas.microsoft.com/office/drawing/2014/main" val="2833508163"/>
                    </a:ext>
                  </a:extLst>
                </a:gridCol>
                <a:gridCol w="307786">
                  <a:extLst>
                    <a:ext uri="{9D8B030D-6E8A-4147-A177-3AD203B41FA5}">
                      <a16:colId xmlns:a16="http://schemas.microsoft.com/office/drawing/2014/main" val="3384511632"/>
                    </a:ext>
                  </a:extLst>
                </a:gridCol>
                <a:gridCol w="852070">
                  <a:extLst>
                    <a:ext uri="{9D8B030D-6E8A-4147-A177-3AD203B41FA5}">
                      <a16:colId xmlns:a16="http://schemas.microsoft.com/office/drawing/2014/main" val="3255093038"/>
                    </a:ext>
                  </a:extLst>
                </a:gridCol>
                <a:gridCol w="795517">
                  <a:extLst>
                    <a:ext uri="{9D8B030D-6E8A-4147-A177-3AD203B41FA5}">
                      <a16:colId xmlns:a16="http://schemas.microsoft.com/office/drawing/2014/main" val="3038007482"/>
                    </a:ext>
                  </a:extLst>
                </a:gridCol>
                <a:gridCol w="648267">
                  <a:extLst>
                    <a:ext uri="{9D8B030D-6E8A-4147-A177-3AD203B41FA5}">
                      <a16:colId xmlns:a16="http://schemas.microsoft.com/office/drawing/2014/main" val="595651847"/>
                    </a:ext>
                  </a:extLst>
                </a:gridCol>
              </a:tblGrid>
              <a:tr h="128675">
                <a:tc gridSpan="3">
                  <a:txBody>
                    <a:bodyPr/>
                    <a:lstStyle/>
                    <a:p>
                      <a:pPr algn="l" rtl="0" fontAlgn="ctr"/>
                      <a:r>
                        <a:rPr lang="en-NZ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Value Based on 8.5% WACC &amp; 0.5% TG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mount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10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of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68132144"/>
                  </a:ext>
                </a:extLst>
              </a:tr>
              <a:tr h="128675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resent Value of Cashflow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0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188861190"/>
                  </a:ext>
                </a:extLst>
              </a:tr>
              <a:tr h="128675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V of Terminal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9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17959479"/>
                  </a:ext>
                </a:extLst>
              </a:tr>
              <a:tr h="153575">
                <a:tc>
                  <a:txBody>
                    <a:bodyPr/>
                    <a:lstStyle/>
                    <a:p>
                      <a:pPr algn="l" fontAlgn="ctr"/>
                      <a:r>
                        <a:rPr lang="en-NZ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Firm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0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79647507"/>
                  </a:ext>
                </a:extLst>
              </a:tr>
              <a:tr h="128675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debt &amp; adjustment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8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NZ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04707429"/>
                  </a:ext>
                </a:extLst>
              </a:tr>
              <a:tr h="128675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equity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10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54547004"/>
                  </a:ext>
                </a:extLst>
              </a:tr>
              <a:tr h="128675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share price ($c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NZ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42068467"/>
                  </a:ext>
                </a:extLst>
              </a:tr>
              <a:tr h="128675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premium to current</a:t>
                      </a:r>
                    </a:p>
                  </a:txBody>
                  <a:tcPr marL="85725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NZ" sz="8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NZ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299338201"/>
                  </a:ext>
                </a:extLst>
              </a:tr>
            </a:tbl>
          </a:graphicData>
        </a:graphic>
      </p:graphicFrame>
      <p:graphicFrame>
        <p:nvGraphicFramePr>
          <p:cNvPr id="32" name="Table 31">
            <a:extLst>
              <a:ext uri="{FF2B5EF4-FFF2-40B4-BE49-F238E27FC236}">
                <a16:creationId xmlns:a16="http://schemas.microsoft.com/office/drawing/2014/main" id="{C018C439-11AE-8180-416A-3C7AD2298FF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78232377"/>
              </p:ext>
            </p:extLst>
          </p:nvPr>
        </p:nvGraphicFramePr>
        <p:xfrm>
          <a:off x="795528" y="1498424"/>
          <a:ext cx="9016692" cy="3574150"/>
        </p:xfrm>
        <a:graphic>
          <a:graphicData uri="http://schemas.openxmlformats.org/drawingml/2006/table">
            <a:tbl>
              <a:tblPr/>
              <a:tblGrid>
                <a:gridCol w="502089">
                  <a:extLst>
                    <a:ext uri="{9D8B030D-6E8A-4147-A177-3AD203B41FA5}">
                      <a16:colId xmlns:a16="http://schemas.microsoft.com/office/drawing/2014/main" val="4161267618"/>
                    </a:ext>
                  </a:extLst>
                </a:gridCol>
                <a:gridCol w="502089">
                  <a:extLst>
                    <a:ext uri="{9D8B030D-6E8A-4147-A177-3AD203B41FA5}">
                      <a16:colId xmlns:a16="http://schemas.microsoft.com/office/drawing/2014/main" val="899246768"/>
                    </a:ext>
                  </a:extLst>
                </a:gridCol>
                <a:gridCol w="502089">
                  <a:extLst>
                    <a:ext uri="{9D8B030D-6E8A-4147-A177-3AD203B41FA5}">
                      <a16:colId xmlns:a16="http://schemas.microsoft.com/office/drawing/2014/main" val="3494510750"/>
                    </a:ext>
                  </a:extLst>
                </a:gridCol>
                <a:gridCol w="467222">
                  <a:extLst>
                    <a:ext uri="{9D8B030D-6E8A-4147-A177-3AD203B41FA5}">
                      <a16:colId xmlns:a16="http://schemas.microsoft.com/office/drawing/2014/main" val="2934790674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3242430730"/>
                    </a:ext>
                  </a:extLst>
                </a:gridCol>
                <a:gridCol w="446302">
                  <a:extLst>
                    <a:ext uri="{9D8B030D-6E8A-4147-A177-3AD203B41FA5}">
                      <a16:colId xmlns:a16="http://schemas.microsoft.com/office/drawing/2014/main" val="1511029119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3746572283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3261979451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2339552462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1611320183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1245301081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4222743492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3434511681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2474993785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2180216123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1141248840"/>
                    </a:ext>
                  </a:extLst>
                </a:gridCol>
                <a:gridCol w="517780">
                  <a:extLst>
                    <a:ext uri="{9D8B030D-6E8A-4147-A177-3AD203B41FA5}">
                      <a16:colId xmlns:a16="http://schemas.microsoft.com/office/drawing/2014/main" val="3892923240"/>
                    </a:ext>
                  </a:extLst>
                </a:gridCol>
                <a:gridCol w="383541">
                  <a:extLst>
                    <a:ext uri="{9D8B030D-6E8A-4147-A177-3AD203B41FA5}">
                      <a16:colId xmlns:a16="http://schemas.microsoft.com/office/drawing/2014/main" val="396838576"/>
                    </a:ext>
                  </a:extLst>
                </a:gridCol>
              </a:tblGrid>
              <a:tr h="142966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11421138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21211928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9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2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3448747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39660847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11776668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260553243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27164514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82765052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67295408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7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4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9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27223620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16864540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35613793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0219860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65629518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14211526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36738888"/>
                  </a:ext>
                </a:extLst>
              </a:tr>
              <a:tr h="142966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52467721"/>
                  </a:ext>
                </a:extLst>
              </a:tr>
              <a:tr h="142966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5487871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04150219"/>
                  </a:ext>
                </a:extLst>
              </a:tr>
              <a:tr h="142966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33134701"/>
                  </a:ext>
                </a:extLst>
              </a:tr>
              <a:tr h="142966"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7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13989282"/>
                  </a:ext>
                </a:extLst>
              </a:tr>
              <a:tr h="142966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06809041"/>
                  </a:ext>
                </a:extLst>
              </a:tr>
              <a:tr h="142966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75074982"/>
                  </a:ext>
                </a:extLst>
              </a:tr>
              <a:tr h="142966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NZ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NZ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85346171"/>
                  </a:ext>
                </a:extLst>
              </a:tr>
              <a:tr h="142966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NZ" sz="4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NZ" sz="4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90998987"/>
                  </a:ext>
                </a:extLst>
              </a:tr>
            </a:tbl>
          </a:graphicData>
        </a:graphic>
      </p:graphicFrame>
      <p:sp>
        <p:nvSpPr>
          <p:cNvPr id="19" name="Rectangle 18"/>
          <p:cNvSpPr>
            <a:spLocks/>
          </p:cNvSpPr>
          <p:nvPr/>
        </p:nvSpPr>
        <p:spPr>
          <a:xfrm>
            <a:off x="3895344" y="1312863"/>
            <a:ext cx="2598690" cy="3860081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583680" y="1312862"/>
            <a:ext cx="3319278" cy="3860081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16</TotalTime>
  <Words>779</Words>
  <Application>Microsoft Macintosh PowerPoint</Application>
  <PresentationFormat>Custom</PresentationFormat>
  <Paragraphs>384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Jared Herber</cp:lastModifiedBy>
  <cp:revision>866</cp:revision>
  <cp:lastPrinted>2020-01-28T09:55:08Z</cp:lastPrinted>
  <dcterms:created xsi:type="dcterms:W3CDTF">2015-06-19T14:55:37Z</dcterms:created>
  <dcterms:modified xsi:type="dcterms:W3CDTF">2024-09-20T14:58:21Z</dcterms:modified>
</cp:coreProperties>
</file>